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959ECDA" w14:textId="264B776B" w:rsidR="00A212A8" w:rsidRDefault="00A212A8" w:rsidP="0016378F">
      <w:r w:rsidRPr="00A212A8">
        <w:t>-- 1. Top 5 Customers by Total Purchase Amount</w:t>
      </w:r>
    </w:p>
    <w:p w14:paraId="402C910D" w14:textId="4C6B3EED" w:rsidR="00363C0C" w:rsidRDefault="00A212A8" w:rsidP="0016378F">
      <w:r w:rsidRPr="00A212A8">
        <w:drawing>
          <wp:inline distT="0" distB="0" distL="0" distR="0" wp14:anchorId="75BCE903" wp14:editId="2A8F59C0">
            <wp:extent cx="5761355" cy="2880995"/>
            <wp:effectExtent l="0" t="0" r="0" b="0"/>
            <wp:docPr id="1048837844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48837844" name="Picture 1" descr="A screenshot of a computer&#10;&#10;AI-generated content may be incorrect.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8809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F8B835" w14:textId="084B50E6" w:rsidR="00A212A8" w:rsidRDefault="00A212A8" w:rsidP="0016378F">
      <w:r w:rsidRPr="00A212A8">
        <w:t>-- 2. Most Popular Genre by Total Tracks Sold</w:t>
      </w:r>
    </w:p>
    <w:p w14:paraId="6116E7E9" w14:textId="302D5BB0" w:rsidR="00A212A8" w:rsidRDefault="00A212A8" w:rsidP="0016378F">
      <w:r w:rsidRPr="00A212A8">
        <w:drawing>
          <wp:inline distT="0" distB="0" distL="0" distR="0" wp14:anchorId="57234DDF" wp14:editId="2D9C0B16">
            <wp:extent cx="5761355" cy="2812415"/>
            <wp:effectExtent l="0" t="0" r="0" b="6985"/>
            <wp:docPr id="872775239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72775239" name="Picture 1" descr="A screenshot of a computer&#10;&#10;AI-generated content may be incorrect.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8124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E906C87" w14:textId="77777777" w:rsidR="00A212A8" w:rsidRDefault="00A212A8" w:rsidP="0016378F"/>
    <w:p w14:paraId="456D653A" w14:textId="77777777" w:rsidR="00A212A8" w:rsidRDefault="00A212A8" w:rsidP="0016378F"/>
    <w:p w14:paraId="45926FB7" w14:textId="77777777" w:rsidR="00A212A8" w:rsidRDefault="00A212A8" w:rsidP="0016378F"/>
    <w:p w14:paraId="7DDC52DB" w14:textId="72845C5F" w:rsidR="00A212A8" w:rsidRDefault="00A212A8" w:rsidP="0016378F">
      <w:r w:rsidRPr="00A212A8">
        <w:lastRenderedPageBreak/>
        <w:t>-- 3. Employees Who Are Managers and Their Subordinates</w:t>
      </w:r>
      <w:r w:rsidRPr="00A212A8">
        <w:drawing>
          <wp:inline distT="0" distB="0" distL="0" distR="0" wp14:anchorId="670C87C3" wp14:editId="1B54EEF2">
            <wp:extent cx="5761355" cy="2978150"/>
            <wp:effectExtent l="0" t="0" r="0" b="0"/>
            <wp:docPr id="777233131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77233131" name="Picture 1" descr="A screenshot of a computer&#10;&#10;AI-generated content may be incorrect.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9781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97122C4" w14:textId="1CE3176D" w:rsidR="00A212A8" w:rsidRDefault="00A212A8" w:rsidP="0016378F">
      <w:r w:rsidRPr="00A212A8">
        <w:t>-- 4. Most Sold Album by Each Artist</w:t>
      </w:r>
    </w:p>
    <w:p w14:paraId="00BA100A" w14:textId="64478313" w:rsidR="00A212A8" w:rsidRDefault="00A212A8" w:rsidP="0016378F">
      <w:r w:rsidRPr="00A212A8">
        <w:drawing>
          <wp:inline distT="0" distB="0" distL="0" distR="0" wp14:anchorId="267C51C3" wp14:editId="6475B8E4">
            <wp:extent cx="5761355" cy="3860165"/>
            <wp:effectExtent l="0" t="0" r="0" b="6985"/>
            <wp:docPr id="1226406692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26406692" name="Picture 1" descr="A screenshot of a computer&#10;&#10;AI-generated content may be incorrect.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8601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6A74293" w14:textId="77777777" w:rsidR="00A212A8" w:rsidRDefault="00A212A8" w:rsidP="0016378F"/>
    <w:p w14:paraId="56FE0DA7" w14:textId="77777777" w:rsidR="00A212A8" w:rsidRDefault="00A212A8" w:rsidP="0016378F"/>
    <w:p w14:paraId="275EFFF6" w14:textId="77777777" w:rsidR="00A212A8" w:rsidRDefault="00A212A8" w:rsidP="0016378F"/>
    <w:p w14:paraId="26955E0E" w14:textId="77777777" w:rsidR="00A212A8" w:rsidRDefault="00A212A8" w:rsidP="0016378F"/>
    <w:p w14:paraId="5651DD28" w14:textId="77777777" w:rsidR="00A212A8" w:rsidRDefault="00A212A8" w:rsidP="0016378F"/>
    <w:p w14:paraId="59D44441" w14:textId="77777777" w:rsidR="00A212A8" w:rsidRDefault="00A212A8" w:rsidP="0016378F"/>
    <w:p w14:paraId="5235C35D" w14:textId="4B4A92C7" w:rsidR="00A212A8" w:rsidRDefault="00A212A8" w:rsidP="0016378F">
      <w:r w:rsidRPr="00A212A8">
        <w:t>-- 5. Monthly Sales Trends in 2013</w:t>
      </w:r>
    </w:p>
    <w:p w14:paraId="6C9DA4BA" w14:textId="77777777" w:rsidR="00A212A8" w:rsidRDefault="00A212A8" w:rsidP="0016378F"/>
    <w:p w14:paraId="0F8449DA" w14:textId="6F0321CA" w:rsidR="00A212A8" w:rsidRPr="00363C0C" w:rsidRDefault="00A212A8" w:rsidP="0016378F">
      <w:r w:rsidRPr="00A212A8">
        <w:drawing>
          <wp:inline distT="0" distB="0" distL="0" distR="0" wp14:anchorId="66344402" wp14:editId="7E001B7B">
            <wp:extent cx="5761355" cy="3867785"/>
            <wp:effectExtent l="0" t="0" r="0" b="0"/>
            <wp:docPr id="843382927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43382927" name="Picture 1" descr="A screenshot of a computer&#10;&#10;AI-generated content may be incorrect.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8677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A212A8" w:rsidRPr="00363C0C" w:rsidSect="00C4442C">
      <w:footerReference w:type="default" r:id="rId18"/>
      <w:footerReference w:type="first" r:id="rId19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BF73319" w14:textId="77777777" w:rsidR="00211FFD" w:rsidRDefault="00211FFD">
      <w:r>
        <w:separator/>
      </w:r>
    </w:p>
  </w:endnote>
  <w:endnote w:type="continuationSeparator" w:id="0">
    <w:p w14:paraId="2A51A03B" w14:textId="77777777" w:rsidR="00211FFD" w:rsidRDefault="00211FF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06EA0DA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D2654E7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1D3F7C5" w14:textId="77777777" w:rsidR="00211FFD" w:rsidRDefault="00211FFD">
      <w:r>
        <w:separator/>
      </w:r>
    </w:p>
  </w:footnote>
  <w:footnote w:type="continuationSeparator" w:id="0">
    <w:p w14:paraId="6D200E63" w14:textId="77777777" w:rsidR="00211FFD" w:rsidRDefault="00211FFD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402409484">
    <w:abstractNumId w:val="14"/>
  </w:num>
  <w:num w:numId="2" w16cid:durableId="745687433">
    <w:abstractNumId w:val="13"/>
  </w:num>
  <w:num w:numId="3" w16cid:durableId="686714423">
    <w:abstractNumId w:val="15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1"/>
  </w:num>
  <w:num w:numId="15" w16cid:durableId="1138381478">
    <w:abstractNumId w:val="16"/>
  </w:num>
  <w:num w:numId="16" w16cid:durableId="2053729243">
    <w:abstractNumId w:val="12"/>
  </w:num>
  <w:num w:numId="17" w16cid:durableId="1035693969">
    <w:abstractNumId w:val="10"/>
  </w:num>
  <w:num w:numId="18" w16cid:durableId="487478907">
    <w:abstractNumId w:val="10"/>
  </w:num>
  <w:num w:numId="19" w16cid:durableId="101074031">
    <w:abstractNumId w:val="10"/>
  </w:num>
  <w:num w:numId="20" w16cid:durableId="11668381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212A8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1AC8"/>
    <w:rsid w:val="001B3DDF"/>
    <w:rsid w:val="001C2732"/>
    <w:rsid w:val="001E388F"/>
    <w:rsid w:val="001E4783"/>
    <w:rsid w:val="00205E8C"/>
    <w:rsid w:val="00211FFD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D11FE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212A8"/>
    <w:rsid w:val="00A45509"/>
    <w:rsid w:val="00A5538C"/>
    <w:rsid w:val="00A613E1"/>
    <w:rsid w:val="00A86808"/>
    <w:rsid w:val="00AA1551"/>
    <w:rsid w:val="00AA3BCC"/>
    <w:rsid w:val="00AB1495"/>
    <w:rsid w:val="00AB531E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E47C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ED2FF2"/>
    <w:rsid w:val="00EE6BD8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5105E965"/>
  <w15:docId w15:val="{E617EA78-F121-4A1D-B50D-9452DA627C9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126E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0836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0D52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126E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126E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B5ED7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0836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0D52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10" Type="http://schemas.openxmlformats.org/officeDocument/2006/relationships/webSettings" Target="webSetting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81471\AppData\Local\Temp\Templafy\WordVsto\v3omp45r.dotx" TargetMode="External"/></Relationships>
</file>

<file path=word/theme/theme1.xml><?xml version="1.0" encoding="utf-8"?>
<a:theme xmlns:a="http://schemas.openxmlformats.org/drawingml/2006/main" name="philips2021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Philips Blank (1)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588F483A-6751-4EC4-B3C4-453CB9CA0C65}">
  <ds:schemaRefs/>
</ds:datastoreItem>
</file>

<file path=customXml/itemProps2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BFE5B46-258F-4D55-A065-A66E3224440F}">
  <ds:schemaRefs/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3omp45r</Template>
  <TotalTime>0</TotalTime>
  <Pages>3</Pages>
  <Words>35</Words>
  <Characters>205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3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., Ishita</dc:creator>
  <cp:keywords/>
  <cp:lastModifiedBy>., Ishita</cp:lastModifiedBy>
  <cp:revision>1</cp:revision>
  <dcterms:created xsi:type="dcterms:W3CDTF">2025-04-11T13:19:00Z</dcterms:created>
  <dcterms:modified xsi:type="dcterms:W3CDTF">2025-04-11T13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1129861465149538368</vt:lpwstr>
  </property>
  <property fmtid="{D5CDD505-2E9C-101B-9397-08002B2CF9AE}" pid="5" name="TemplafyUserProfileId">
    <vt:lpwstr>637993316903828594</vt:lpwstr>
  </property>
  <property fmtid="{D5CDD505-2E9C-101B-9397-08002B2CF9AE}" pid="6" name="TemplafyFromBlank">
    <vt:bool>true</vt:bool>
  </property>
</Properties>
</file>